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725"/>
  <workbookPr/>
  <mc:AlternateContent xmlns:mc="http://schemas.openxmlformats.org/markup-compatibility/2006">
    <mc:Choice Requires="x15">
      <x15ac:absPath xmlns:x15ac="http://schemas.microsoft.com/office/spreadsheetml/2010/11/ac" url="https://akersolutions-my.sharepoint.com/personal/torstein_engevik_akersolutions_com/Documents/!!Union/!Redaksjon/"/>
    </mc:Choice>
  </mc:AlternateContent>
  <xr:revisionPtr revIDLastSave="162" documentId="8_{33B65A80-4B5F-4B2B-9EEF-1AE7221019E7}" xr6:coauthVersionLast="47" xr6:coauthVersionMax="47" xr10:uidLastSave="{A8B78D3F-64E4-4502-9681-46D578C0DA87}"/>
  <bookViews>
    <workbookView xWindow="-120" yWindow="-120" windowWidth="29040" windowHeight="17520" xr2:uid="{A359F9F1-5174-49F0-AC67-A8DBAC7EC5C2}"/>
  </bookViews>
  <sheets>
    <sheet name="Styrke i AKSO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60" uniqueCount="117">
  <si>
    <t>Segment</t>
  </si>
  <si>
    <t>Klubb</t>
  </si>
  <si>
    <t>Navn</t>
  </si>
  <si>
    <t>Kontaktinfo</t>
  </si>
  <si>
    <t>Verv</t>
  </si>
  <si>
    <t>Lokasjon</t>
  </si>
  <si>
    <t>Forbundet Styrke</t>
  </si>
  <si>
    <t>torgeir.opdal@akersolutions.com</t>
  </si>
  <si>
    <t>Verdal</t>
  </si>
  <si>
    <t>Nils Tore Aarstad</t>
  </si>
  <si>
    <t>Lisa Natalie Jermstad</t>
  </si>
  <si>
    <t>Janne Synnøve Solvold</t>
  </si>
  <si>
    <t> Kasserer</t>
  </si>
  <si>
    <t>Pål Knutli</t>
  </si>
  <si>
    <t> 1. Styremedlem</t>
  </si>
  <si>
    <t>Ole Andreas Oksås</t>
  </si>
  <si>
    <t> 2. Styremedlem</t>
  </si>
  <si>
    <t>Hamed Basharmal</t>
  </si>
  <si>
    <t> 3. Styremedlem</t>
  </si>
  <si>
    <t>Torbjørn Prestmo</t>
  </si>
  <si>
    <t>Paul Erik Valstad</t>
  </si>
  <si>
    <t>Svein Tyholdt</t>
  </si>
  <si>
    <t>Lars Vidar Brattabø Hope</t>
  </si>
  <si>
    <t>Lars.Vidar.Brattabo.Hope@akersolutions.com</t>
  </si>
  <si>
    <t>Stord</t>
  </si>
  <si>
    <t>Harald Landa</t>
  </si>
  <si>
    <t>harald.landa@akersolutions.com</t>
  </si>
  <si>
    <t>Mai-Elen Ramsdal Steen</t>
  </si>
  <si>
    <t>Sissel Kari Sttrand</t>
  </si>
  <si>
    <t> Styremedlem</t>
  </si>
  <si>
    <t>Frode Hidle</t>
  </si>
  <si>
    <t>Morten Haugland Almås</t>
  </si>
  <si>
    <t> Varamedlem</t>
  </si>
  <si>
    <t>Harald K. Gjøsæter</t>
  </si>
  <si>
    <t>Jane Ulriksen</t>
  </si>
  <si>
    <t> VO\EVU\AMU-rep.</t>
  </si>
  <si>
    <t> Varamedlem\Hyttestyrerep.</t>
  </si>
  <si>
    <t>torstein.engevik@akersolutions.com</t>
  </si>
  <si>
    <t>Stavanger</t>
  </si>
  <si>
    <t>Life Cycle</t>
  </si>
  <si>
    <t>Astrid Marie Helgheim</t>
  </si>
  <si>
    <t>astrid.helgheim@akersolutions.com</t>
  </si>
  <si>
    <t>Kristiansund</t>
  </si>
  <si>
    <t>2026-2027</t>
  </si>
  <si>
    <t>Edith.Synnove.Bjerkan@akersolutions.com</t>
  </si>
  <si>
    <t>Linda Valdersnes</t>
  </si>
  <si>
    <t>Bergen</t>
  </si>
  <si>
    <t>Marius Arnesen</t>
  </si>
  <si>
    <t>Bergen (Mongstad)</t>
  </si>
  <si>
    <t>Andreas Nilsen Tjørve</t>
  </si>
  <si>
    <t>Steinar Ådneram</t>
  </si>
  <si>
    <t>Zerevan Bamerni</t>
  </si>
  <si>
    <t>Hege Louise Evertsen</t>
  </si>
  <si>
    <t>Martin D. Trana</t>
  </si>
  <si>
    <t>Trondheim</t>
  </si>
  <si>
    <t>Ahmed Elhadad</t>
  </si>
  <si>
    <t>Liv Valde</t>
  </si>
  <si>
    <t>Martin Andre Hanssen</t>
  </si>
  <si>
    <t>Wenke Heien</t>
  </si>
  <si>
    <t>wenke.heien@akersolutions.com</t>
  </si>
  <si>
    <t>Egersund</t>
  </si>
  <si>
    <t>Stephen.Aslaksen@akersolutions.com</t>
  </si>
  <si>
    <t>Tom Østebrød</t>
  </si>
  <si>
    <t>Aud Tove Hovland</t>
  </si>
  <si>
    <t>Fredrik Skadberg</t>
  </si>
  <si>
    <t>Martin Jenssen</t>
  </si>
  <si>
    <t>Styremedl. tillitsvalgt</t>
  </si>
  <si>
    <t>Christer Fessel</t>
  </si>
  <si>
    <t>Christer.Fessel@akersolutions.com</t>
  </si>
  <si>
    <t>Tranby</t>
  </si>
  <si>
    <t>Kai Morten Sveiven</t>
  </si>
  <si>
    <t>Kai.Morten.Sveiven@akersolutions.com</t>
  </si>
  <si>
    <t>Arthur Eide</t>
  </si>
  <si>
    <t>Arthur.Eide@benestad.com</t>
  </si>
  <si>
    <t>TOP 
(Newbuild)</t>
  </si>
  <si>
    <t>Fornebu</t>
  </si>
  <si>
    <t>LCP
(Lifecycle)</t>
  </si>
  <si>
    <t>POWER</t>
  </si>
  <si>
    <t>TOP
(Newbuild)</t>
  </si>
  <si>
    <t>Nils.Tore.Aarstad@akersolutions.com</t>
  </si>
  <si>
    <t>Lisa.Natalie.Jermstad@akersolutions.com</t>
  </si>
  <si>
    <t>** Felles forhandlingsutvalg velges årlig av konsernklubben</t>
  </si>
  <si>
    <t>Torgeir Opdal **</t>
  </si>
  <si>
    <t> Leder *</t>
  </si>
  <si>
    <t> Nestleder *</t>
  </si>
  <si>
    <t> Sekretær *</t>
  </si>
  <si>
    <t>Torstein Engevik ** ***</t>
  </si>
  <si>
    <t> Nestleder/kasserer *</t>
  </si>
  <si>
    <t>Edith Synnøve Bjerkan **</t>
  </si>
  <si>
    <t>tom.ostebrod@akersolutions.com</t>
  </si>
  <si>
    <t>Leder *</t>
  </si>
  <si>
    <t>Sandnessjøen mmo</t>
  </si>
  <si>
    <t>Sandnessjøen fabr.</t>
  </si>
  <si>
    <t>Viktig:</t>
  </si>
  <si>
    <t>* Konsernklubb = AU (Leder/Nestl./Sekr.) i hver lokal klubb</t>
  </si>
  <si>
    <t>HK</t>
  </si>
  <si>
    <t>Handel &amp; Kontor</t>
  </si>
  <si>
    <t>Berit Høiland</t>
  </si>
  <si>
    <t>Berit.Hoiland@akersolutions.com</t>
  </si>
  <si>
    <t>Tillitsvalgt</t>
  </si>
  <si>
    <t>Stavanger - Trondheim - Bergen - Fornebu</t>
  </si>
  <si>
    <t>Stephen Aslaksen</t>
  </si>
  <si>
    <t>Harald Kårbø</t>
  </si>
  <si>
    <t>Harald.Karbo@akersolutions.com</t>
  </si>
  <si>
    <t>Anette Arnevik Sæbo</t>
  </si>
  <si>
    <t xml:space="preserve"> Leder
 Hovedtillitsvalgt *</t>
  </si>
  <si>
    <t xml:space="preserve"> 1. Varamedlem</t>
  </si>
  <si>
    <t xml:space="preserve"> 2. Varamedlem</t>
  </si>
  <si>
    <t xml:space="preserve"> 3. Varamedlem</t>
  </si>
  <si>
    <t xml:space="preserve"> Styremedlem</t>
  </si>
  <si>
    <t xml:space="preserve"> Varamedlem</t>
  </si>
  <si>
    <r>
      <t xml:space="preserve">Nestleder </t>
    </r>
    <r>
      <rPr>
        <sz val="10"/>
        <color theme="1"/>
        <rFont val="Bahnschrift SemiLight"/>
        <family val="2"/>
      </rPr>
      <t>(tidl. Hydropower)</t>
    </r>
    <r>
      <rPr>
        <b/>
        <sz val="11"/>
        <color theme="1"/>
        <rFont val="Bahnschrift SemiLight"/>
        <family val="2"/>
      </rPr>
      <t>*</t>
    </r>
  </si>
  <si>
    <t>Tillitsvalgt Benestad *</t>
  </si>
  <si>
    <r>
      <rPr>
        <b/>
        <sz val="11"/>
        <color theme="1"/>
        <rFont val="Bahnschrift SemiLight"/>
        <family val="2"/>
      </rPr>
      <t>TBN</t>
    </r>
    <r>
      <rPr>
        <sz val="11"/>
        <color theme="1"/>
        <rFont val="Bahnschrift SemiLight"/>
        <family val="2"/>
      </rPr>
      <t xml:space="preserve"> (Torstein Engevik)</t>
    </r>
  </si>
  <si>
    <t xml:space="preserve">*** Hovedtillitsvalgt (=KBU rep) velges på hovedkonferansen </t>
  </si>
  <si>
    <r>
      <t>Tranby</t>
    </r>
    <r>
      <rPr>
        <sz val="12"/>
        <color theme="1"/>
        <rFont val="Bahnschrift SemiLight"/>
        <family val="2"/>
      </rPr>
      <t xml:space="preserve"> </t>
    </r>
    <r>
      <rPr>
        <b/>
        <sz val="12"/>
        <color theme="1"/>
        <rFont val="Bahnschrift SemiLight"/>
        <family val="2"/>
      </rPr>
      <t>(Lier)</t>
    </r>
  </si>
  <si>
    <t>Fornebu (Bærum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7" x14ac:knownFonts="1">
    <font>
      <sz val="11"/>
      <color theme="1"/>
      <name val="Arial"/>
      <family val="2"/>
      <scheme val="minor"/>
    </font>
    <font>
      <u/>
      <sz val="11"/>
      <color theme="10"/>
      <name val="Arial"/>
      <family val="2"/>
      <scheme val="minor"/>
    </font>
    <font>
      <sz val="11"/>
      <color theme="1"/>
      <name val="Bahnschrift SemiLight"/>
      <family val="2"/>
    </font>
    <font>
      <b/>
      <sz val="11"/>
      <color theme="1"/>
      <name val="Bahnschrift SemiLight"/>
      <family val="2"/>
    </font>
    <font>
      <b/>
      <sz val="26"/>
      <color theme="1"/>
      <name val="Bahnschrift SemiLight"/>
      <family val="2"/>
    </font>
    <font>
      <b/>
      <sz val="12"/>
      <color theme="1"/>
      <name val="Bahnschrift SemiLight"/>
      <family val="2"/>
    </font>
    <font>
      <b/>
      <sz val="20"/>
      <color rgb="FF2A3644"/>
      <name val="Bahnschrift SemiLight"/>
      <family val="2"/>
    </font>
    <font>
      <sz val="20"/>
      <color theme="1"/>
      <name val="Bahnschrift SemiLight"/>
      <family val="2"/>
    </font>
    <font>
      <sz val="12"/>
      <color theme="1"/>
      <name val="Bahnschrift SemiLight"/>
      <family val="2"/>
    </font>
    <font>
      <sz val="11"/>
      <color rgb="FFFF0000"/>
      <name val="Bahnschrift SemiLight"/>
      <family val="2"/>
    </font>
    <font>
      <u/>
      <sz val="9"/>
      <color theme="10"/>
      <name val="Bahnschrift SemiLight"/>
      <family val="2"/>
    </font>
    <font>
      <sz val="9"/>
      <color theme="1"/>
      <name val="Bahnschrift SemiLight"/>
      <family val="2"/>
    </font>
    <font>
      <b/>
      <sz val="9"/>
      <color theme="1"/>
      <name val="Bahnschrift SemiLight"/>
      <family val="2"/>
    </font>
    <font>
      <b/>
      <u/>
      <sz val="11"/>
      <color rgb="FF0000FF"/>
      <name val="Bahnschrift SemiLight"/>
      <family val="2"/>
    </font>
    <font>
      <u/>
      <sz val="9"/>
      <color theme="10"/>
      <name val="Arial"/>
      <family val="2"/>
      <scheme val="minor"/>
    </font>
    <font>
      <sz val="10"/>
      <color theme="1"/>
      <name val="Bahnschrift SemiLight"/>
      <family val="2"/>
    </font>
    <font>
      <b/>
      <sz val="14"/>
      <color theme="1"/>
      <name val="Bahnschrift SemiLight"/>
      <family val="2"/>
    </font>
  </fonts>
  <fills count="3">
    <fill>
      <patternFill patternType="none"/>
    </fill>
    <fill>
      <patternFill patternType="gray125"/>
    </fill>
    <fill>
      <patternFill patternType="solid">
        <fgColor rgb="FFFFFFFF"/>
        <bgColor indexed="64"/>
      </patternFill>
    </fill>
  </fills>
  <borders count="20">
    <border>
      <left/>
      <right/>
      <top/>
      <bottom/>
      <diagonal/>
    </border>
    <border>
      <left style="medium">
        <color indexed="64"/>
      </left>
      <right style="hair">
        <color indexed="64"/>
      </right>
      <top style="medium">
        <color indexed="64"/>
      </top>
      <bottom style="medium">
        <color indexed="64"/>
      </bottom>
      <diagonal/>
    </border>
    <border>
      <left style="hair">
        <color indexed="64"/>
      </left>
      <right style="hair">
        <color indexed="64"/>
      </right>
      <top style="medium">
        <color indexed="64"/>
      </top>
      <bottom style="medium">
        <color indexed="64"/>
      </bottom>
      <diagonal/>
    </border>
    <border>
      <left style="hair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 style="hair">
        <color indexed="64"/>
      </right>
      <top style="medium">
        <color indexed="64"/>
      </top>
      <bottom/>
      <diagonal/>
    </border>
    <border>
      <left style="hair">
        <color indexed="64"/>
      </left>
      <right style="hair">
        <color indexed="64"/>
      </right>
      <top style="medium">
        <color indexed="64"/>
      </top>
      <bottom style="hair">
        <color indexed="64"/>
      </bottom>
      <diagonal/>
    </border>
    <border>
      <left style="hair">
        <color indexed="64"/>
      </left>
      <right style="medium">
        <color indexed="64"/>
      </right>
      <top style="medium">
        <color indexed="64"/>
      </top>
      <bottom style="hair">
        <color indexed="64"/>
      </bottom>
      <diagonal/>
    </border>
    <border>
      <left style="medium">
        <color indexed="64"/>
      </left>
      <right style="hair">
        <color indexed="64"/>
      </right>
      <top/>
      <bottom/>
      <diagonal/>
    </border>
    <border>
      <left style="hair">
        <color indexed="64"/>
      </left>
      <right style="hair">
        <color indexed="64"/>
      </right>
      <top style="hair">
        <color indexed="64"/>
      </top>
      <bottom style="hair">
        <color indexed="64"/>
      </bottom>
      <diagonal/>
    </border>
    <border>
      <left style="hair">
        <color indexed="64"/>
      </left>
      <right style="medium">
        <color indexed="64"/>
      </right>
      <top style="hair">
        <color indexed="64"/>
      </top>
      <bottom style="hair">
        <color indexed="64"/>
      </bottom>
      <diagonal/>
    </border>
    <border>
      <left style="medium">
        <color indexed="64"/>
      </left>
      <right style="hair">
        <color indexed="64"/>
      </right>
      <top/>
      <bottom style="medium">
        <color indexed="64"/>
      </bottom>
      <diagonal/>
    </border>
    <border>
      <left style="hair">
        <color indexed="64"/>
      </left>
      <right style="hair">
        <color indexed="64"/>
      </right>
      <top style="hair">
        <color indexed="64"/>
      </top>
      <bottom style="medium">
        <color indexed="64"/>
      </bottom>
      <diagonal/>
    </border>
    <border>
      <left style="hair">
        <color indexed="64"/>
      </left>
      <right style="medium">
        <color indexed="64"/>
      </right>
      <top style="hair">
        <color indexed="64"/>
      </top>
      <bottom style="medium">
        <color indexed="64"/>
      </bottom>
      <diagonal/>
    </border>
    <border>
      <left style="medium">
        <color indexed="64"/>
      </left>
      <right style="hair">
        <color indexed="64"/>
      </right>
      <top style="medium">
        <color indexed="64"/>
      </top>
      <bottom style="hair">
        <color indexed="64"/>
      </bottom>
      <diagonal/>
    </border>
    <border>
      <left style="medium">
        <color indexed="64"/>
      </left>
      <right style="hair">
        <color indexed="64"/>
      </right>
      <top style="hair">
        <color indexed="64"/>
      </top>
      <bottom style="hair">
        <color indexed="64"/>
      </bottom>
      <diagonal/>
    </border>
    <border>
      <left style="medium">
        <color indexed="64"/>
      </left>
      <right style="hair">
        <color indexed="64"/>
      </right>
      <top style="hair">
        <color indexed="64"/>
      </top>
      <bottom style="medium">
        <color indexed="64"/>
      </bottom>
      <diagonal/>
    </border>
    <border>
      <left/>
      <right/>
      <top/>
      <bottom style="medium">
        <color indexed="64"/>
      </bottom>
      <diagonal/>
    </border>
    <border>
      <left style="hair">
        <color indexed="64"/>
      </left>
      <right/>
      <top style="hair">
        <color indexed="64"/>
      </top>
      <bottom style="medium">
        <color indexed="64"/>
      </bottom>
      <diagonal/>
    </border>
    <border>
      <left/>
      <right/>
      <top style="hair">
        <color indexed="64"/>
      </top>
      <bottom style="medium">
        <color indexed="64"/>
      </bottom>
      <diagonal/>
    </border>
    <border>
      <left/>
      <right style="hair">
        <color indexed="64"/>
      </right>
      <top style="hair">
        <color indexed="64"/>
      </top>
      <bottom style="medium">
        <color indexed="64"/>
      </bottom>
      <diagonal/>
    </border>
  </borders>
  <cellStyleXfs count="2">
    <xf numFmtId="0" fontId="0" fillId="0" borderId="0"/>
    <xf numFmtId="0" fontId="1" fillId="0" borderId="0" applyNumberFormat="0" applyFill="0" applyBorder="0" applyAlignment="0" applyProtection="0"/>
  </cellStyleXfs>
  <cellXfs count="56">
    <xf numFmtId="0" fontId="0" fillId="0" borderId="0" xfId="0"/>
    <xf numFmtId="0" fontId="2" fillId="0" borderId="0" xfId="0" applyFont="1" applyAlignment="1">
      <alignment vertical="center" wrapText="1"/>
    </xf>
    <xf numFmtId="0" fontId="2" fillId="0" borderId="0" xfId="0" applyFont="1"/>
    <xf numFmtId="0" fontId="3" fillId="0" borderId="0" xfId="0" applyFont="1" applyAlignment="1">
      <alignment vertical="top"/>
    </xf>
    <xf numFmtId="0" fontId="4" fillId="0" borderId="0" xfId="0" applyFont="1" applyAlignment="1">
      <alignment vertical="center" wrapText="1"/>
    </xf>
    <xf numFmtId="0" fontId="5" fillId="0" borderId="0" xfId="0" applyFont="1" applyAlignment="1">
      <alignment vertical="center" wrapText="1"/>
    </xf>
    <xf numFmtId="0" fontId="6" fillId="0" borderId="1" xfId="0" applyFont="1" applyBorder="1" applyAlignment="1">
      <alignment vertical="center" wrapText="1"/>
    </xf>
    <xf numFmtId="0" fontId="6" fillId="0" borderId="2" xfId="0" applyFont="1" applyBorder="1" applyAlignment="1">
      <alignment vertical="center" wrapText="1"/>
    </xf>
    <xf numFmtId="0" fontId="6" fillId="0" borderId="3" xfId="0" applyFont="1" applyBorder="1" applyAlignment="1">
      <alignment vertical="center" wrapText="1"/>
    </xf>
    <xf numFmtId="0" fontId="7" fillId="0" borderId="0" xfId="0" applyFont="1"/>
    <xf numFmtId="0" fontId="3" fillId="0" borderId="5" xfId="0" applyFont="1" applyBorder="1" applyAlignment="1">
      <alignment vertical="center" wrapText="1"/>
    </xf>
    <xf numFmtId="0" fontId="5" fillId="0" borderId="6" xfId="0" applyFont="1" applyBorder="1" applyAlignment="1">
      <alignment vertical="center" wrapText="1"/>
    </xf>
    <xf numFmtId="0" fontId="3" fillId="0" borderId="8" xfId="0" applyFont="1" applyBorder="1" applyAlignment="1">
      <alignment vertical="center" wrapText="1"/>
    </xf>
    <xf numFmtId="0" fontId="2" fillId="0" borderId="8" xfId="0" applyFont="1" applyBorder="1" applyAlignment="1">
      <alignment vertical="center" wrapText="1"/>
    </xf>
    <xf numFmtId="0" fontId="3" fillId="0" borderId="11" xfId="0" applyFont="1" applyBorder="1" applyAlignment="1">
      <alignment vertical="center" wrapText="1"/>
    </xf>
    <xf numFmtId="0" fontId="2" fillId="0" borderId="11" xfId="0" applyFont="1" applyBorder="1" applyAlignment="1">
      <alignment vertical="center" wrapText="1"/>
    </xf>
    <xf numFmtId="0" fontId="2" fillId="0" borderId="5" xfId="0" applyFont="1" applyBorder="1"/>
    <xf numFmtId="0" fontId="2" fillId="0" borderId="5" xfId="0" applyFont="1" applyBorder="1" applyAlignment="1">
      <alignment vertical="center" wrapText="1"/>
    </xf>
    <xf numFmtId="0" fontId="9" fillId="0" borderId="8" xfId="0" applyFont="1" applyBorder="1" applyAlignment="1">
      <alignment vertical="center" wrapText="1"/>
    </xf>
    <xf numFmtId="0" fontId="2" fillId="0" borderId="11" xfId="0" applyFont="1" applyBorder="1"/>
    <xf numFmtId="0" fontId="10" fillId="0" borderId="5" xfId="1" applyFont="1" applyBorder="1"/>
    <xf numFmtId="0" fontId="10" fillId="0" borderId="8" xfId="1" applyFont="1" applyBorder="1" applyAlignment="1">
      <alignment vertical="center" wrapText="1"/>
    </xf>
    <xf numFmtId="0" fontId="11" fillId="0" borderId="8" xfId="0" applyFont="1" applyBorder="1" applyAlignment="1">
      <alignment vertical="center" wrapText="1"/>
    </xf>
    <xf numFmtId="0" fontId="11" fillId="0" borderId="11" xfId="0" applyFont="1" applyBorder="1" applyAlignment="1">
      <alignment vertical="center" wrapText="1"/>
    </xf>
    <xf numFmtId="0" fontId="10" fillId="0" borderId="5" xfId="1" applyFont="1" applyBorder="1" applyAlignment="1">
      <alignment vertical="center" wrapText="1"/>
    </xf>
    <xf numFmtId="0" fontId="10" fillId="2" borderId="8" xfId="1" applyFont="1" applyFill="1" applyBorder="1" applyAlignment="1">
      <alignment vertical="center" wrapText="1"/>
    </xf>
    <xf numFmtId="0" fontId="10" fillId="0" borderId="11" xfId="1" applyFont="1" applyBorder="1" applyAlignment="1">
      <alignment vertical="center" wrapText="1"/>
    </xf>
    <xf numFmtId="0" fontId="11" fillId="0" borderId="5" xfId="0" applyFont="1" applyBorder="1"/>
    <xf numFmtId="0" fontId="11" fillId="0" borderId="8" xfId="0" applyFont="1" applyBorder="1"/>
    <xf numFmtId="0" fontId="11" fillId="0" borderId="11" xfId="0" applyFont="1" applyBorder="1"/>
    <xf numFmtId="0" fontId="5" fillId="0" borderId="9" xfId="0" applyFont="1" applyBorder="1" applyAlignment="1">
      <alignment vertical="center" wrapText="1"/>
    </xf>
    <xf numFmtId="0" fontId="5" fillId="0" borderId="12" xfId="0" applyFont="1" applyBorder="1" applyAlignment="1">
      <alignment vertical="center" wrapText="1"/>
    </xf>
    <xf numFmtId="0" fontId="3" fillId="0" borderId="0" xfId="0" applyFont="1" applyAlignment="1">
      <alignment vertical="center" wrapText="1"/>
    </xf>
    <xf numFmtId="0" fontId="13" fillId="0" borderId="5" xfId="0" applyFont="1" applyBorder="1" applyAlignment="1">
      <alignment vertical="center" wrapText="1"/>
    </xf>
    <xf numFmtId="0" fontId="3" fillId="0" borderId="0" xfId="0" applyFont="1"/>
    <xf numFmtId="0" fontId="14" fillId="0" borderId="8" xfId="1" applyFont="1" applyBorder="1"/>
    <xf numFmtId="0" fontId="5" fillId="0" borderId="8" xfId="0" applyFont="1" applyBorder="1" applyAlignment="1">
      <alignment vertical="center" wrapText="1"/>
    </xf>
    <xf numFmtId="0" fontId="5" fillId="0" borderId="6" xfId="0" applyFont="1" applyBorder="1" applyAlignment="1">
      <alignment vertical="center" wrapText="1"/>
    </xf>
    <xf numFmtId="0" fontId="5" fillId="0" borderId="9" xfId="0" applyFont="1" applyBorder="1" applyAlignment="1">
      <alignment vertical="center" wrapText="1"/>
    </xf>
    <xf numFmtId="0" fontId="5" fillId="0" borderId="12" xfId="0" applyFont="1" applyBorder="1" applyAlignment="1">
      <alignment vertical="center" wrapText="1"/>
    </xf>
    <xf numFmtId="0" fontId="12" fillId="0" borderId="0" xfId="0" applyFont="1" applyAlignment="1">
      <alignment horizontal="left" vertical="top"/>
    </xf>
    <xf numFmtId="0" fontId="12" fillId="0" borderId="0" xfId="0" applyFont="1" applyAlignment="1">
      <alignment horizontal="left" vertical="top" wrapText="1"/>
    </xf>
    <xf numFmtId="0" fontId="5" fillId="0" borderId="6" xfId="0" applyFont="1" applyBorder="1" applyAlignment="1">
      <alignment horizontal="left" vertical="center" wrapText="1"/>
    </xf>
    <xf numFmtId="0" fontId="5" fillId="0" borderId="12" xfId="0" applyFont="1" applyBorder="1" applyAlignment="1">
      <alignment horizontal="left" vertical="center" wrapText="1"/>
    </xf>
    <xf numFmtId="0" fontId="5" fillId="0" borderId="9" xfId="0" applyFont="1" applyBorder="1" applyAlignment="1">
      <alignment horizontal="left" vertical="center" wrapText="1"/>
    </xf>
    <xf numFmtId="0" fontId="12" fillId="0" borderId="16" xfId="0" applyFont="1" applyBorder="1" applyAlignment="1">
      <alignment horizontal="left" vertical="top"/>
    </xf>
    <xf numFmtId="0" fontId="5" fillId="0" borderId="4" xfId="0" applyFont="1" applyBorder="1" applyAlignment="1">
      <alignment horizontal="center" vertical="center" wrapText="1"/>
    </xf>
    <xf numFmtId="0" fontId="5" fillId="0" borderId="7" xfId="0" applyFont="1" applyBorder="1" applyAlignment="1">
      <alignment horizontal="center" vertical="center" wrapText="1"/>
    </xf>
    <xf numFmtId="0" fontId="5" fillId="0" borderId="10" xfId="0" applyFont="1" applyBorder="1" applyAlignment="1">
      <alignment horizontal="center" vertical="center" wrapText="1"/>
    </xf>
    <xf numFmtId="0" fontId="5" fillId="0" borderId="13" xfId="0" applyFont="1" applyBorder="1" applyAlignment="1">
      <alignment horizontal="center" vertical="center" wrapText="1"/>
    </xf>
    <xf numFmtId="0" fontId="5" fillId="0" borderId="14" xfId="0" applyFont="1" applyBorder="1" applyAlignment="1">
      <alignment horizontal="center" vertical="center" wrapText="1"/>
    </xf>
    <xf numFmtId="0" fontId="5" fillId="0" borderId="15" xfId="0" applyFont="1" applyBorder="1" applyAlignment="1">
      <alignment horizontal="center" vertical="center" wrapText="1"/>
    </xf>
    <xf numFmtId="0" fontId="16" fillId="0" borderId="8" xfId="0" applyFont="1" applyBorder="1" applyAlignment="1">
      <alignment vertical="center" wrapText="1"/>
    </xf>
    <xf numFmtId="0" fontId="3" fillId="0" borderId="17" xfId="0" applyFont="1" applyBorder="1" applyAlignment="1">
      <alignment horizontal="left" vertical="center" wrapText="1"/>
    </xf>
    <xf numFmtId="0" fontId="3" fillId="0" borderId="18" xfId="0" applyFont="1" applyBorder="1" applyAlignment="1">
      <alignment horizontal="left" vertical="center" wrapText="1"/>
    </xf>
    <xf numFmtId="0" fontId="3" fillId="0" borderId="19" xfId="0" applyFont="1" applyBorder="1" applyAlignment="1">
      <alignment horizontal="left" vertical="center" wrapText="1"/>
    </xf>
  </cellXfs>
  <cellStyles count="2">
    <cellStyle name="Hyperlink" xfId="1" builtinId="8"/>
    <cellStyle name="Normal" xfId="0" builtinId="0"/>
  </cellStyles>
  <dxfs count="0"/>
  <tableStyles count="0" defaultTableStyle="TableStyleMedium2" defaultPivotStyle="PivotStyleLight16"/>
  <colors>
    <mruColors>
      <color rgb="FF99FF66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0</xdr:colOff>
      <xdr:row>0</xdr:row>
      <xdr:rowOff>0</xdr:rowOff>
    </xdr:from>
    <xdr:to>
      <xdr:col>2</xdr:col>
      <xdr:colOff>1846842</xdr:colOff>
      <xdr:row>10</xdr:row>
      <xdr:rowOff>114300</xdr:rowOff>
    </xdr:to>
    <xdr:pic>
      <xdr:nvPicPr>
        <xdr:cNvPr id="2" name="Picture 1">
          <a:extLst>
            <a:ext uri="{FF2B5EF4-FFF2-40B4-BE49-F238E27FC236}">
              <a16:creationId xmlns:a16="http://schemas.microsoft.com/office/drawing/2014/main" id="{AEF430B5-484E-45B3-9C15-6112E745EAC9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0" y="0"/>
          <a:ext cx="4513842" cy="2124075"/>
        </a:xfrm>
        <a:prstGeom prst="rect">
          <a:avLst/>
        </a:prstGeom>
        <a:solidFill>
          <a:schemeClr val="bg1"/>
        </a:solidFill>
      </xdr:spPr>
    </xdr:pic>
    <xdr:clientData/>
  </xdr:twoCellAnchor>
</xdr:wsDr>
</file>

<file path=xl/theme/theme1.xml><?xml version="1.0" encoding="utf-8"?>
<a:theme xmlns:a="http://schemas.openxmlformats.org/drawingml/2006/main" name="Office Theme">
  <a:themeElements>
    <a:clrScheme name="Aker Solutions Excel">
      <a:dk1>
        <a:sysClr val="windowText" lastClr="000000"/>
      </a:dk1>
      <a:lt1>
        <a:srgbClr val="FFFFFF"/>
      </a:lt1>
      <a:dk2>
        <a:srgbClr val="FFFFFF"/>
      </a:dk2>
      <a:lt2>
        <a:srgbClr val="F0F0F0"/>
      </a:lt2>
      <a:accent1>
        <a:srgbClr val="081E32"/>
      </a:accent1>
      <a:accent2>
        <a:srgbClr val="D4D4D4"/>
      </a:accent2>
      <a:accent3>
        <a:srgbClr val="FF9900"/>
      </a:accent3>
      <a:accent4>
        <a:srgbClr val="FAB39E"/>
      </a:accent4>
      <a:accent5>
        <a:srgbClr val="A9E0FF"/>
      </a:accent5>
      <a:accent6>
        <a:srgbClr val="FFE64F"/>
      </a:accent6>
      <a:hlink>
        <a:srgbClr val="FF9900"/>
      </a:hlink>
      <a:folHlink>
        <a:srgbClr val="9F9F9F"/>
      </a:folHlink>
    </a:clrScheme>
    <a:fontScheme name="Custom 2">
      <a:majorFont>
        <a:latin typeface="Solutioneer Bold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8" Type="http://schemas.openxmlformats.org/officeDocument/2006/relationships/hyperlink" Target="mailto:Christer.Fessel@akersolutions.com" TargetMode="External"/><Relationship Id="rId13" Type="http://schemas.openxmlformats.org/officeDocument/2006/relationships/hyperlink" Target="mailto:Edith.Synnove.Bjerkan@akersolutions.com" TargetMode="External"/><Relationship Id="rId18" Type="http://schemas.openxmlformats.org/officeDocument/2006/relationships/hyperlink" Target="mailto:Nils.Tore.Aarstad@akersolutions.com" TargetMode="External"/><Relationship Id="rId3" Type="http://schemas.openxmlformats.org/officeDocument/2006/relationships/hyperlink" Target="https://virksomhet.brreg.no/nb/oppslag/enheter/899300602" TargetMode="External"/><Relationship Id="rId21" Type="http://schemas.openxmlformats.org/officeDocument/2006/relationships/printerSettings" Target="../printerSettings/printerSettings1.bin"/><Relationship Id="rId7" Type="http://schemas.openxmlformats.org/officeDocument/2006/relationships/hyperlink" Target="mailto:wenke.heien@akersolutions.com" TargetMode="External"/><Relationship Id="rId12" Type="http://schemas.openxmlformats.org/officeDocument/2006/relationships/hyperlink" Target="mailto:Stephen.Aslaksen@akersolutions.com" TargetMode="External"/><Relationship Id="rId17" Type="http://schemas.openxmlformats.org/officeDocument/2006/relationships/hyperlink" Target="mailto:torgeir.opdal@akersolutions.com" TargetMode="External"/><Relationship Id="rId2" Type="http://schemas.openxmlformats.org/officeDocument/2006/relationships/hyperlink" Target="https://virksomhet.brreg.no/nb/oppslag/enheter/984058322" TargetMode="External"/><Relationship Id="rId16" Type="http://schemas.openxmlformats.org/officeDocument/2006/relationships/hyperlink" Target="mailto:tom.ostebrod@akersolutions.com" TargetMode="External"/><Relationship Id="rId20" Type="http://schemas.openxmlformats.org/officeDocument/2006/relationships/hyperlink" Target="mailto:Berit.Hoiland@akersolutions.com" TargetMode="External"/><Relationship Id="rId1" Type="http://schemas.openxmlformats.org/officeDocument/2006/relationships/hyperlink" Target="https://virksomhet.brreg.no/nb/oppslag/enheter/923636684" TargetMode="External"/><Relationship Id="rId6" Type="http://schemas.openxmlformats.org/officeDocument/2006/relationships/hyperlink" Target="mailto:Lars.Vidar.Brattabo.Hope@akersolutions.com" TargetMode="External"/><Relationship Id="rId11" Type="http://schemas.openxmlformats.org/officeDocument/2006/relationships/hyperlink" Target="mailto:astrid.helgheim@akersolutions.com" TargetMode="External"/><Relationship Id="rId5" Type="http://schemas.openxmlformats.org/officeDocument/2006/relationships/hyperlink" Target="mailto:torstein.engevik@akersolutions.com" TargetMode="External"/><Relationship Id="rId15" Type="http://schemas.openxmlformats.org/officeDocument/2006/relationships/hyperlink" Target="mailto:Arthur.Eide@benestad.com" TargetMode="External"/><Relationship Id="rId10" Type="http://schemas.openxmlformats.org/officeDocument/2006/relationships/hyperlink" Target="mailto:Harald.Karbo@akersolutions.com" TargetMode="External"/><Relationship Id="rId19" Type="http://schemas.openxmlformats.org/officeDocument/2006/relationships/hyperlink" Target="mailto:Lisa.Natalie.Jermstad@akersolutions.com" TargetMode="External"/><Relationship Id="rId4" Type="http://schemas.openxmlformats.org/officeDocument/2006/relationships/hyperlink" Target="https://virksomhet.brreg.no/nb/oppslag/enheter/915868738" TargetMode="External"/><Relationship Id="rId9" Type="http://schemas.openxmlformats.org/officeDocument/2006/relationships/hyperlink" Target="mailto:harald.landa@akersolutions.com" TargetMode="External"/><Relationship Id="rId14" Type="http://schemas.openxmlformats.org/officeDocument/2006/relationships/hyperlink" Target="mailto:Kai.Morten.Sveiven@akersolutions.com" TargetMode="External"/><Relationship Id="rId22" Type="http://schemas.openxmlformats.org/officeDocument/2006/relationships/drawing" Target="../drawings/drawing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32AF529-9F80-46FA-9787-870E21F711E1}">
  <sheetPr>
    <pageSetUpPr fitToPage="1"/>
  </sheetPr>
  <dimension ref="A1:F59"/>
  <sheetViews>
    <sheetView showGridLines="0" tabSelected="1" workbookViewId="0">
      <selection activeCell="J47" sqref="J47"/>
    </sheetView>
  </sheetViews>
  <sheetFormatPr defaultColWidth="8.75" defaultRowHeight="14.25" x14ac:dyDescent="0.2"/>
  <cols>
    <col min="1" max="1" width="16.625" style="2" customWidth="1"/>
    <col min="2" max="2" width="18.375" style="34" customWidth="1"/>
    <col min="3" max="3" width="24.625" style="2" customWidth="1"/>
    <col min="4" max="4" width="32.75" style="2" customWidth="1"/>
    <col min="5" max="5" width="26" style="2" customWidth="1"/>
    <col min="6" max="6" width="23.875" style="2" customWidth="1"/>
    <col min="7" max="7" width="4" style="2" customWidth="1"/>
    <col min="8" max="16384" width="8.75" style="2"/>
  </cols>
  <sheetData>
    <row r="1" spans="1:6" x14ac:dyDescent="0.2">
      <c r="A1" s="1"/>
      <c r="B1" s="32"/>
    </row>
    <row r="2" spans="1:6" x14ac:dyDescent="0.2">
      <c r="A2" s="1"/>
      <c r="B2" s="32"/>
    </row>
    <row r="3" spans="1:6" x14ac:dyDescent="0.2">
      <c r="A3" s="1"/>
      <c r="B3" s="32"/>
    </row>
    <row r="4" spans="1:6" x14ac:dyDescent="0.2">
      <c r="A4" s="1"/>
      <c r="B4" s="32"/>
    </row>
    <row r="5" spans="1:6" x14ac:dyDescent="0.2">
      <c r="A5" s="1"/>
      <c r="B5" s="32"/>
    </row>
    <row r="6" spans="1:6" x14ac:dyDescent="0.2">
      <c r="A6" s="1"/>
      <c r="B6" s="32"/>
    </row>
    <row r="7" spans="1:6" x14ac:dyDescent="0.2">
      <c r="A7" s="1"/>
      <c r="B7" s="32"/>
    </row>
    <row r="8" spans="1:6" ht="19.899999999999999" customHeight="1" x14ac:dyDescent="0.2">
      <c r="A8" s="1"/>
      <c r="B8" s="32"/>
      <c r="E8" s="3" t="s">
        <v>93</v>
      </c>
    </row>
    <row r="9" spans="1:6" ht="19.899999999999999" customHeight="1" x14ac:dyDescent="0.2">
      <c r="A9" s="1"/>
      <c r="B9" s="32"/>
      <c r="E9" s="41" t="s">
        <v>94</v>
      </c>
      <c r="F9" s="41"/>
    </row>
    <row r="10" spans="1:6" ht="19.899999999999999" customHeight="1" x14ac:dyDescent="0.2">
      <c r="A10" s="4"/>
      <c r="B10" s="32"/>
      <c r="D10" s="5"/>
      <c r="E10" s="40" t="s">
        <v>81</v>
      </c>
      <c r="F10" s="40"/>
    </row>
    <row r="11" spans="1:6" ht="19.899999999999999" customHeight="1" thickBot="1" x14ac:dyDescent="0.25">
      <c r="A11" s="1"/>
      <c r="B11" s="32"/>
      <c r="E11" s="45" t="s">
        <v>114</v>
      </c>
      <c r="F11" s="45"/>
    </row>
    <row r="12" spans="1:6" s="9" customFormat="1" ht="36" customHeight="1" thickBot="1" x14ac:dyDescent="0.4">
      <c r="A12" s="6" t="s">
        <v>0</v>
      </c>
      <c r="B12" s="7" t="s">
        <v>1</v>
      </c>
      <c r="C12" s="7" t="s">
        <v>2</v>
      </c>
      <c r="D12" s="7" t="s">
        <v>3</v>
      </c>
      <c r="E12" s="7" t="s">
        <v>4</v>
      </c>
      <c r="F12" s="8" t="s">
        <v>5</v>
      </c>
    </row>
    <row r="13" spans="1:6" ht="25.5" customHeight="1" x14ac:dyDescent="0.2">
      <c r="A13" s="46" t="s">
        <v>78</v>
      </c>
      <c r="B13" s="33" t="s">
        <v>6</v>
      </c>
      <c r="C13" s="10" t="s">
        <v>82</v>
      </c>
      <c r="D13" s="20" t="s">
        <v>7</v>
      </c>
      <c r="E13" s="10" t="s">
        <v>83</v>
      </c>
      <c r="F13" s="37" t="s">
        <v>8</v>
      </c>
    </row>
    <row r="14" spans="1:6" ht="19.899999999999999" customHeight="1" x14ac:dyDescent="0.2">
      <c r="A14" s="47"/>
      <c r="B14" s="52" t="s">
        <v>8</v>
      </c>
      <c r="C14" s="12" t="s">
        <v>9</v>
      </c>
      <c r="D14" s="21" t="s">
        <v>79</v>
      </c>
      <c r="E14" s="12" t="s">
        <v>84</v>
      </c>
      <c r="F14" s="38"/>
    </row>
    <row r="15" spans="1:6" ht="19.899999999999999" customHeight="1" x14ac:dyDescent="0.2">
      <c r="A15" s="47"/>
      <c r="B15" s="12" t="s">
        <v>43</v>
      </c>
      <c r="C15" s="12" t="s">
        <v>10</v>
      </c>
      <c r="D15" s="21" t="s">
        <v>80</v>
      </c>
      <c r="E15" s="12" t="s">
        <v>85</v>
      </c>
      <c r="F15" s="38"/>
    </row>
    <row r="16" spans="1:6" ht="19.899999999999999" customHeight="1" x14ac:dyDescent="0.2">
      <c r="A16" s="47"/>
      <c r="B16" s="12"/>
      <c r="C16" s="13" t="s">
        <v>11</v>
      </c>
      <c r="D16" s="22"/>
      <c r="E16" s="13" t="s">
        <v>12</v>
      </c>
      <c r="F16" s="38"/>
    </row>
    <row r="17" spans="1:6" ht="19.899999999999999" customHeight="1" x14ac:dyDescent="0.2">
      <c r="A17" s="47"/>
      <c r="B17" s="12"/>
      <c r="C17" s="13" t="s">
        <v>13</v>
      </c>
      <c r="D17" s="22"/>
      <c r="E17" s="13" t="s">
        <v>14</v>
      </c>
      <c r="F17" s="38"/>
    </row>
    <row r="18" spans="1:6" ht="19.899999999999999" customHeight="1" x14ac:dyDescent="0.2">
      <c r="A18" s="47"/>
      <c r="B18" s="12"/>
      <c r="C18" s="13" t="s">
        <v>15</v>
      </c>
      <c r="D18" s="22"/>
      <c r="E18" s="13" t="s">
        <v>16</v>
      </c>
      <c r="F18" s="38"/>
    </row>
    <row r="19" spans="1:6" ht="19.899999999999999" customHeight="1" x14ac:dyDescent="0.2">
      <c r="A19" s="47"/>
      <c r="B19" s="12"/>
      <c r="C19" s="13" t="s">
        <v>17</v>
      </c>
      <c r="D19" s="22"/>
      <c r="E19" s="13" t="s">
        <v>18</v>
      </c>
      <c r="F19" s="38"/>
    </row>
    <row r="20" spans="1:6" ht="19.899999999999999" customHeight="1" x14ac:dyDescent="0.2">
      <c r="A20" s="47"/>
      <c r="B20" s="12"/>
      <c r="C20" s="13" t="s">
        <v>19</v>
      </c>
      <c r="D20" s="22"/>
      <c r="E20" s="13" t="s">
        <v>106</v>
      </c>
      <c r="F20" s="38"/>
    </row>
    <row r="21" spans="1:6" ht="19.899999999999999" customHeight="1" x14ac:dyDescent="0.2">
      <c r="A21" s="47"/>
      <c r="B21" s="12"/>
      <c r="C21" s="13" t="s">
        <v>20</v>
      </c>
      <c r="D21" s="22"/>
      <c r="E21" s="13" t="s">
        <v>107</v>
      </c>
      <c r="F21" s="38"/>
    </row>
    <row r="22" spans="1:6" ht="19.899999999999999" customHeight="1" thickBot="1" x14ac:dyDescent="0.25">
      <c r="A22" s="48"/>
      <c r="B22" s="14"/>
      <c r="C22" s="15" t="s">
        <v>21</v>
      </c>
      <c r="D22" s="23"/>
      <c r="E22" s="15" t="s">
        <v>108</v>
      </c>
      <c r="F22" s="39"/>
    </row>
    <row r="23" spans="1:6" ht="28.5" x14ac:dyDescent="0.2">
      <c r="A23" s="46" t="s">
        <v>78</v>
      </c>
      <c r="B23" s="33" t="s">
        <v>6</v>
      </c>
      <c r="C23" s="10" t="s">
        <v>22</v>
      </c>
      <c r="D23" s="24" t="s">
        <v>23</v>
      </c>
      <c r="E23" s="10" t="s">
        <v>83</v>
      </c>
      <c r="F23" s="37" t="s">
        <v>24</v>
      </c>
    </row>
    <row r="24" spans="1:6" ht="19.899999999999999" customHeight="1" x14ac:dyDescent="0.2">
      <c r="A24" s="47"/>
      <c r="B24" s="52" t="s">
        <v>24</v>
      </c>
      <c r="C24" s="12" t="s">
        <v>25</v>
      </c>
      <c r="D24" s="25" t="s">
        <v>26</v>
      </c>
      <c r="E24" s="12" t="s">
        <v>84</v>
      </c>
      <c r="F24" s="38"/>
    </row>
    <row r="25" spans="1:6" ht="19.899999999999999" customHeight="1" x14ac:dyDescent="0.2">
      <c r="A25" s="47"/>
      <c r="B25" s="12" t="s">
        <v>43</v>
      </c>
      <c r="C25" s="12" t="s">
        <v>102</v>
      </c>
      <c r="D25" s="35" t="s">
        <v>103</v>
      </c>
      <c r="E25" s="12" t="s">
        <v>85</v>
      </c>
      <c r="F25" s="38"/>
    </row>
    <row r="26" spans="1:6" ht="19.899999999999999" customHeight="1" x14ac:dyDescent="0.2">
      <c r="A26" s="47"/>
      <c r="B26" s="12"/>
      <c r="C26" s="13" t="s">
        <v>28</v>
      </c>
      <c r="D26" s="22"/>
      <c r="E26" s="13" t="s">
        <v>12</v>
      </c>
      <c r="F26" s="38"/>
    </row>
    <row r="27" spans="1:6" ht="19.899999999999999" customHeight="1" x14ac:dyDescent="0.2">
      <c r="A27" s="47"/>
      <c r="B27" s="12"/>
      <c r="C27" s="13" t="s">
        <v>27</v>
      </c>
      <c r="D27" s="22"/>
      <c r="E27" s="13" t="s">
        <v>29</v>
      </c>
      <c r="F27" s="38"/>
    </row>
    <row r="28" spans="1:6" ht="19.899999999999999" customHeight="1" x14ac:dyDescent="0.2">
      <c r="A28" s="47"/>
      <c r="B28" s="12"/>
      <c r="C28" s="13" t="s">
        <v>30</v>
      </c>
      <c r="D28" s="22"/>
      <c r="E28" s="13" t="s">
        <v>29</v>
      </c>
      <c r="F28" s="38"/>
    </row>
    <row r="29" spans="1:6" ht="19.899999999999999" customHeight="1" x14ac:dyDescent="0.2">
      <c r="A29" s="47"/>
      <c r="B29" s="12"/>
      <c r="C29" s="13" t="s">
        <v>33</v>
      </c>
      <c r="D29" s="22"/>
      <c r="E29" s="13" t="s">
        <v>32</v>
      </c>
      <c r="F29" s="38"/>
    </row>
    <row r="30" spans="1:6" ht="19.899999999999999" customHeight="1" x14ac:dyDescent="0.2">
      <c r="A30" s="47"/>
      <c r="B30" s="12"/>
      <c r="C30" s="13" t="s">
        <v>31</v>
      </c>
      <c r="D30" s="22"/>
      <c r="E30" s="13" t="s">
        <v>32</v>
      </c>
      <c r="F30" s="38"/>
    </row>
    <row r="31" spans="1:6" ht="19.899999999999999" customHeight="1" x14ac:dyDescent="0.2">
      <c r="A31" s="47"/>
      <c r="B31" s="12"/>
      <c r="C31" s="13" t="s">
        <v>34</v>
      </c>
      <c r="D31" s="22"/>
      <c r="E31" s="13" t="s">
        <v>35</v>
      </c>
      <c r="F31" s="38"/>
    </row>
    <row r="32" spans="1:6" ht="19.899999999999999" customHeight="1" thickBot="1" x14ac:dyDescent="0.25">
      <c r="A32" s="48"/>
      <c r="B32" s="14"/>
      <c r="C32" s="15" t="s">
        <v>104</v>
      </c>
      <c r="D32" s="23"/>
      <c r="E32" s="15" t="s">
        <v>36</v>
      </c>
      <c r="F32" s="39"/>
    </row>
    <row r="33" spans="1:6" ht="28.5" x14ac:dyDescent="0.2">
      <c r="A33" s="46" t="s">
        <v>76</v>
      </c>
      <c r="B33" s="33" t="s">
        <v>6</v>
      </c>
      <c r="C33" s="10" t="s">
        <v>86</v>
      </c>
      <c r="D33" s="24" t="s">
        <v>37</v>
      </c>
      <c r="E33" s="10" t="s">
        <v>105</v>
      </c>
      <c r="F33" s="11" t="s">
        <v>38</v>
      </c>
    </row>
    <row r="34" spans="1:6" ht="19.899999999999999" customHeight="1" x14ac:dyDescent="0.2">
      <c r="A34" s="47"/>
      <c r="B34" s="52" t="s">
        <v>39</v>
      </c>
      <c r="C34" s="12" t="s">
        <v>40</v>
      </c>
      <c r="D34" s="21" t="s">
        <v>41</v>
      </c>
      <c r="E34" s="12" t="s">
        <v>87</v>
      </c>
      <c r="F34" s="30" t="s">
        <v>42</v>
      </c>
    </row>
    <row r="35" spans="1:6" ht="19.899999999999999" customHeight="1" x14ac:dyDescent="0.2">
      <c r="A35" s="47"/>
      <c r="B35" s="12" t="s">
        <v>43</v>
      </c>
      <c r="C35" s="12" t="s">
        <v>88</v>
      </c>
      <c r="D35" s="21" t="s">
        <v>44</v>
      </c>
      <c r="E35" s="12" t="s">
        <v>85</v>
      </c>
      <c r="F35" s="30" t="s">
        <v>42</v>
      </c>
    </row>
    <row r="36" spans="1:6" ht="19.899999999999999" customHeight="1" x14ac:dyDescent="0.2">
      <c r="A36" s="47"/>
      <c r="B36" s="12"/>
      <c r="C36" s="13" t="s">
        <v>45</v>
      </c>
      <c r="D36" s="22"/>
      <c r="E36" s="13" t="s">
        <v>109</v>
      </c>
      <c r="F36" s="30" t="s">
        <v>46</v>
      </c>
    </row>
    <row r="37" spans="1:6" ht="19.899999999999999" customHeight="1" x14ac:dyDescent="0.2">
      <c r="A37" s="47"/>
      <c r="B37" s="12"/>
      <c r="C37" s="13" t="s">
        <v>47</v>
      </c>
      <c r="D37" s="22"/>
      <c r="E37" s="13" t="s">
        <v>109</v>
      </c>
      <c r="F37" s="30" t="s">
        <v>48</v>
      </c>
    </row>
    <row r="38" spans="1:6" ht="19.899999999999999" customHeight="1" x14ac:dyDescent="0.2">
      <c r="A38" s="47"/>
      <c r="B38" s="12"/>
      <c r="C38" s="13" t="s">
        <v>49</v>
      </c>
      <c r="D38" s="22"/>
      <c r="E38" s="13" t="s">
        <v>110</v>
      </c>
      <c r="F38" s="30" t="s">
        <v>46</v>
      </c>
    </row>
    <row r="39" spans="1:6" ht="19.899999999999999" customHeight="1" x14ac:dyDescent="0.2">
      <c r="A39" s="47"/>
      <c r="B39" s="12"/>
      <c r="C39" s="13" t="s">
        <v>50</v>
      </c>
      <c r="D39" s="22"/>
      <c r="E39" s="13" t="s">
        <v>109</v>
      </c>
      <c r="F39" s="30" t="s">
        <v>38</v>
      </c>
    </row>
    <row r="40" spans="1:6" ht="19.899999999999999" customHeight="1" x14ac:dyDescent="0.2">
      <c r="A40" s="47"/>
      <c r="B40" s="12"/>
      <c r="C40" s="13" t="s">
        <v>51</v>
      </c>
      <c r="D40" s="22"/>
      <c r="E40" s="13" t="s">
        <v>109</v>
      </c>
      <c r="F40" s="30" t="s">
        <v>38</v>
      </c>
    </row>
    <row r="41" spans="1:6" ht="19.899999999999999" customHeight="1" x14ac:dyDescent="0.2">
      <c r="A41" s="47"/>
      <c r="B41" s="12"/>
      <c r="C41" s="13" t="s">
        <v>52</v>
      </c>
      <c r="D41" s="22"/>
      <c r="E41" s="13" t="s">
        <v>110</v>
      </c>
      <c r="F41" s="30" t="s">
        <v>38</v>
      </c>
    </row>
    <row r="42" spans="1:6" ht="19.899999999999999" customHeight="1" x14ac:dyDescent="0.2">
      <c r="A42" s="47"/>
      <c r="B42" s="12"/>
      <c r="C42" s="13" t="s">
        <v>53</v>
      </c>
      <c r="D42" s="22"/>
      <c r="E42" s="13" t="s">
        <v>109</v>
      </c>
      <c r="F42" s="30" t="s">
        <v>54</v>
      </c>
    </row>
    <row r="43" spans="1:6" ht="19.899999999999999" customHeight="1" x14ac:dyDescent="0.2">
      <c r="A43" s="47"/>
      <c r="B43" s="12"/>
      <c r="C43" s="13" t="s">
        <v>55</v>
      </c>
      <c r="D43" s="22"/>
      <c r="E43" s="13" t="s">
        <v>109</v>
      </c>
      <c r="F43" s="30" t="s">
        <v>54</v>
      </c>
    </row>
    <row r="44" spans="1:6" ht="19.899999999999999" customHeight="1" x14ac:dyDescent="0.2">
      <c r="A44" s="47"/>
      <c r="B44" s="12"/>
      <c r="C44" s="13" t="s">
        <v>56</v>
      </c>
      <c r="D44" s="22"/>
      <c r="E44" s="13" t="s">
        <v>110</v>
      </c>
      <c r="F44" s="30" t="s">
        <v>54</v>
      </c>
    </row>
    <row r="45" spans="1:6" ht="19.899999999999999" customHeight="1" thickBot="1" x14ac:dyDescent="0.25">
      <c r="A45" s="48"/>
      <c r="B45" s="14"/>
      <c r="C45" s="15" t="s">
        <v>57</v>
      </c>
      <c r="D45" s="23"/>
      <c r="E45" s="15" t="s">
        <v>109</v>
      </c>
      <c r="F45" s="31" t="s">
        <v>91</v>
      </c>
    </row>
    <row r="46" spans="1:6" ht="25.5" customHeight="1" x14ac:dyDescent="0.2">
      <c r="A46" s="46" t="s">
        <v>74</v>
      </c>
      <c r="B46" s="33" t="s">
        <v>6</v>
      </c>
      <c r="C46" s="10" t="s">
        <v>58</v>
      </c>
      <c r="D46" s="24" t="s">
        <v>59</v>
      </c>
      <c r="E46" s="10" t="s">
        <v>83</v>
      </c>
      <c r="F46" s="42" t="s">
        <v>60</v>
      </c>
    </row>
    <row r="47" spans="1:6" ht="19.899999999999999" customHeight="1" x14ac:dyDescent="0.2">
      <c r="A47" s="47"/>
      <c r="B47" s="52" t="s">
        <v>60</v>
      </c>
      <c r="C47" s="12" t="s">
        <v>101</v>
      </c>
      <c r="D47" s="21" t="s">
        <v>61</v>
      </c>
      <c r="E47" s="12" t="s">
        <v>84</v>
      </c>
      <c r="F47" s="44"/>
    </row>
    <row r="48" spans="1:6" ht="19.899999999999999" customHeight="1" x14ac:dyDescent="0.2">
      <c r="A48" s="47"/>
      <c r="B48" s="12" t="s">
        <v>43</v>
      </c>
      <c r="C48" s="12" t="s">
        <v>62</v>
      </c>
      <c r="D48" s="21" t="s">
        <v>89</v>
      </c>
      <c r="E48" s="12" t="s">
        <v>85</v>
      </c>
      <c r="F48" s="44"/>
    </row>
    <row r="49" spans="1:6" ht="19.899999999999999" customHeight="1" x14ac:dyDescent="0.2">
      <c r="A49" s="47"/>
      <c r="B49" s="12"/>
      <c r="C49" s="13" t="s">
        <v>63</v>
      </c>
      <c r="D49" s="22"/>
      <c r="E49" s="13" t="s">
        <v>12</v>
      </c>
      <c r="F49" s="44"/>
    </row>
    <row r="50" spans="1:6" ht="19.899999999999999" customHeight="1" x14ac:dyDescent="0.2">
      <c r="A50" s="47"/>
      <c r="B50" s="12"/>
      <c r="C50" s="13" t="s">
        <v>64</v>
      </c>
      <c r="D50" s="22"/>
      <c r="E50" s="13" t="s">
        <v>29</v>
      </c>
      <c r="F50" s="44"/>
    </row>
    <row r="51" spans="1:6" ht="19.899999999999999" customHeight="1" thickBot="1" x14ac:dyDescent="0.25">
      <c r="A51" s="48"/>
      <c r="B51" s="14"/>
      <c r="C51" s="15" t="s">
        <v>65</v>
      </c>
      <c r="D51" s="23"/>
      <c r="E51" s="15" t="s">
        <v>66</v>
      </c>
      <c r="F51" s="31" t="s">
        <v>92</v>
      </c>
    </row>
    <row r="52" spans="1:6" ht="19.899999999999999" customHeight="1" x14ac:dyDescent="0.2">
      <c r="A52" s="49" t="s">
        <v>77</v>
      </c>
      <c r="B52" s="10" t="s">
        <v>6</v>
      </c>
      <c r="C52" s="10" t="s">
        <v>67</v>
      </c>
      <c r="D52" s="24" t="s">
        <v>68</v>
      </c>
      <c r="E52" s="10" t="s">
        <v>90</v>
      </c>
      <c r="F52" s="42" t="s">
        <v>115</v>
      </c>
    </row>
    <row r="53" spans="1:6" ht="19.899999999999999" customHeight="1" x14ac:dyDescent="0.2">
      <c r="A53" s="50"/>
      <c r="B53" s="36" t="s">
        <v>69</v>
      </c>
      <c r="C53" s="12" t="s">
        <v>70</v>
      </c>
      <c r="D53" s="21" t="s">
        <v>71</v>
      </c>
      <c r="E53" s="12" t="s">
        <v>111</v>
      </c>
      <c r="F53" s="44"/>
    </row>
    <row r="54" spans="1:6" ht="19.899999999999999" customHeight="1" thickBot="1" x14ac:dyDescent="0.25">
      <c r="A54" s="51"/>
      <c r="B54" s="14" t="s">
        <v>43</v>
      </c>
      <c r="C54" s="14" t="s">
        <v>72</v>
      </c>
      <c r="D54" s="26" t="s">
        <v>73</v>
      </c>
      <c r="E54" s="14" t="s">
        <v>112</v>
      </c>
      <c r="F54" s="43"/>
    </row>
    <row r="55" spans="1:6" ht="19.899999999999999" customHeight="1" x14ac:dyDescent="0.2">
      <c r="A55" s="49" t="s">
        <v>74</v>
      </c>
      <c r="B55" s="10" t="s">
        <v>6</v>
      </c>
      <c r="C55" s="16"/>
      <c r="D55" s="27"/>
      <c r="E55" s="17"/>
      <c r="F55" s="42" t="s">
        <v>116</v>
      </c>
    </row>
    <row r="56" spans="1:6" ht="19.899999999999999" customHeight="1" x14ac:dyDescent="0.2">
      <c r="A56" s="50"/>
      <c r="B56" s="52" t="s">
        <v>75</v>
      </c>
      <c r="C56" s="13" t="s">
        <v>113</v>
      </c>
      <c r="D56" s="28"/>
      <c r="E56" s="18"/>
      <c r="F56" s="44"/>
    </row>
    <row r="57" spans="1:6" ht="19.899999999999999" customHeight="1" thickBot="1" x14ac:dyDescent="0.25">
      <c r="A57" s="51"/>
      <c r="B57" s="14" t="s">
        <v>43</v>
      </c>
      <c r="C57" s="19"/>
      <c r="D57" s="29"/>
      <c r="E57" s="15"/>
      <c r="F57" s="43"/>
    </row>
    <row r="58" spans="1:6" x14ac:dyDescent="0.2">
      <c r="A58" s="49" t="s">
        <v>95</v>
      </c>
      <c r="B58" s="10" t="s">
        <v>96</v>
      </c>
      <c r="C58" s="16" t="s">
        <v>97</v>
      </c>
      <c r="D58" s="24" t="s">
        <v>98</v>
      </c>
      <c r="E58" s="17" t="s">
        <v>99</v>
      </c>
      <c r="F58" s="42" t="s">
        <v>38</v>
      </c>
    </row>
    <row r="59" spans="1:6" ht="19.899999999999999" customHeight="1" thickBot="1" x14ac:dyDescent="0.25">
      <c r="A59" s="51"/>
      <c r="B59" s="53" t="s">
        <v>100</v>
      </c>
      <c r="C59" s="54"/>
      <c r="D59" s="55"/>
      <c r="E59" s="15"/>
      <c r="F59" s="43"/>
    </row>
  </sheetData>
  <mergeCells count="17">
    <mergeCell ref="A23:A32"/>
    <mergeCell ref="F23:F32"/>
    <mergeCell ref="E10:F10"/>
    <mergeCell ref="E9:F9"/>
    <mergeCell ref="A58:A59"/>
    <mergeCell ref="F58:F59"/>
    <mergeCell ref="B59:D59"/>
    <mergeCell ref="A33:A45"/>
    <mergeCell ref="A46:A51"/>
    <mergeCell ref="F46:F50"/>
    <mergeCell ref="A52:A54"/>
    <mergeCell ref="F52:F54"/>
    <mergeCell ref="A55:A57"/>
    <mergeCell ref="F55:F57"/>
    <mergeCell ref="E11:F11"/>
    <mergeCell ref="A13:A22"/>
    <mergeCell ref="F13:F22"/>
  </mergeCells>
  <hyperlinks>
    <hyperlink ref="B33" r:id="rId1" display="https://virksomhet.brreg.no/nb/oppslag/enheter/923636684" xr:uid="{D7722D4E-6633-4443-85EC-032A3FE815C8}"/>
    <hyperlink ref="B46" r:id="rId2" display="https://virksomhet.brreg.no/nb/oppslag/enheter/984058322" xr:uid="{114B80E0-0111-47E0-83D5-A5666A208A51}"/>
    <hyperlink ref="B23" r:id="rId3" display="https://virksomhet.brreg.no/nb/oppslag/enheter/899300602" xr:uid="{68F70EB5-F92E-4C80-ACD6-507E2C17EF83}"/>
    <hyperlink ref="B13" r:id="rId4" display="https://virksomhet.brreg.no/nb/oppslag/enheter/915868738" xr:uid="{40277991-EDCE-48FB-8792-9D3725903248}"/>
    <hyperlink ref="D33" r:id="rId5" xr:uid="{63264679-E897-4066-BF46-9D3768EEE752}"/>
    <hyperlink ref="D23" r:id="rId6" xr:uid="{031DF7C6-6DFF-49C9-A0AD-33E8C8ECDAE7}"/>
    <hyperlink ref="D46" r:id="rId7" xr:uid="{7C0F31E9-EFD6-415A-B572-AD1F7889AE10}"/>
    <hyperlink ref="D52" r:id="rId8" xr:uid="{20E3DDE1-3638-4B82-926D-A7305C6C70E8}"/>
    <hyperlink ref="D24" r:id="rId9" xr:uid="{64F673BA-7F9F-4E54-8C60-D2C9603A0E8A}"/>
    <hyperlink ref="D25" r:id="rId10" xr:uid="{38383732-B2DC-464D-B19A-190A21E0D338}"/>
    <hyperlink ref="D34" r:id="rId11" xr:uid="{AE312975-8E03-4104-9EA2-85169E54386A}"/>
    <hyperlink ref="D47" r:id="rId12" xr:uid="{5775ECD9-E7BF-400C-A9A1-C0BE981CCE3A}"/>
    <hyperlink ref="D35" r:id="rId13" xr:uid="{9D6F3E14-01B0-437D-8FC4-A69D68F4B467}"/>
    <hyperlink ref="D53" r:id="rId14" xr:uid="{AD67B3AC-5F87-4C42-B693-977792DA16D4}"/>
    <hyperlink ref="D54" r:id="rId15" xr:uid="{195515F1-6392-47A9-A20B-A68ECDA221F6}"/>
    <hyperlink ref="D48" r:id="rId16" xr:uid="{17996F5B-7A9E-4333-9C83-642E6291FA01}"/>
    <hyperlink ref="D13" r:id="rId17" xr:uid="{FE0F14FD-1360-4462-860F-552AB83335F9}"/>
    <hyperlink ref="D14" r:id="rId18" xr:uid="{5079DC60-FBFA-4C9D-8945-D965CBC5FF8F}"/>
    <hyperlink ref="D15" r:id="rId19" xr:uid="{634465EF-33FC-4AFB-9543-379B6E4363B0}"/>
    <hyperlink ref="D58" r:id="rId20" xr:uid="{D1AD2D50-8DCE-49F9-8CEE-8D93821CD1E8}"/>
  </hyperlinks>
  <printOptions horizontalCentered="1"/>
  <pageMargins left="0.19685039370078741" right="0.19685039370078741" top="0.74803149606299213" bottom="0.74803149606299213" header="0.31496062992125984" footer="0.31496062992125984"/>
  <pageSetup paperSize="9" scale="62" orientation="portrait" r:id="rId21"/>
  <drawing r:id="rId2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08B67F6DE921740A422D5B0DBBC0168" ma:contentTypeVersion="17" ma:contentTypeDescription="Create a new document." ma:contentTypeScope="" ma:versionID="9b9f3374a8f4d8d8f8086c6dd22cebeb">
  <xsd:schema xmlns:xsd="http://www.w3.org/2001/XMLSchema" xmlns:xs="http://www.w3.org/2001/XMLSchema" xmlns:p="http://schemas.microsoft.com/office/2006/metadata/properties" xmlns:ns2="a0d0213e-23ba-4fee-90fb-cd0e26eb86db" xmlns:ns3="c5dc3159-953d-49f6-b077-97f2bfb9691c" targetNamespace="http://schemas.microsoft.com/office/2006/metadata/properties" ma:root="true" ma:fieldsID="f2838e2fc505882cb7db2f02ac237cef" ns2:_="" ns3:_="">
    <xsd:import namespace="a0d0213e-23ba-4fee-90fb-cd0e26eb86db"/>
    <xsd:import namespace="c5dc3159-953d-49f6-b077-97f2bfb9691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WRITER" minOccurs="0"/>
                <xsd:element ref="ns2:status" minOccurs="0"/>
                <xsd:element ref="ns2:MediaServiceObjectDetectorVersions" minOccurs="0"/>
                <xsd:element ref="ns2:MediaServiceLocatio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d0213e-23ba-4fee-90fb-cd0e26eb86d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7ffb53c8-fa58-4379-8197-15a28452cfe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WRITER" ma:index="20" nillable="true" ma:displayName="WRITER" ma:format="Dropdown" ma:list="UserInfo" ma:SharePointGroup="0" ma:internalName="WRITE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tatus" ma:index="21" nillable="true" ma:displayName="status" ma:description="merge/delete/edit/rewrite" ma:format="Dropdown" ma:internalName="status">
      <xsd:simpleType>
        <xsd:restriction base="dms:Text">
          <xsd:maxLength value="255"/>
        </xsd:restriction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5dc3159-953d-49f6-b077-97f2bfb9691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e99e81f2-b698-4f8a-9da1-d4743ef038d3}" ma:internalName="TaxCatchAll" ma:showField="CatchAllData" ma:web="c5dc3159-953d-49f6-b077-97f2bfb9691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5dc3159-953d-49f6-b077-97f2bfb9691c" xsi:nil="true"/>
    <WRITER xmlns="a0d0213e-23ba-4fee-90fb-cd0e26eb86db">
      <UserInfo>
        <DisplayName/>
        <AccountId xsi:nil="true"/>
        <AccountType/>
      </UserInfo>
    </WRITER>
    <lcf76f155ced4ddcb4097134ff3c332f xmlns="a0d0213e-23ba-4fee-90fb-cd0e26eb86db">
      <Terms xmlns="http://schemas.microsoft.com/office/infopath/2007/PartnerControls"/>
    </lcf76f155ced4ddcb4097134ff3c332f>
    <status xmlns="a0d0213e-23ba-4fee-90fb-cd0e26eb86db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transformationConfigurations":[],"templateName":"Aker Solutions Workbook _new2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7B42FAC-58FC-489E-A679-6276ABE6275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d0213e-23ba-4fee-90fb-cd0e26eb86db"/>
    <ds:schemaRef ds:uri="c5dc3159-953d-49f6-b077-97f2bfb9691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B94A85A3-059F-4FFC-AB57-ACD42B37C28D}">
  <ds:schemaRefs>
    <ds:schemaRef ds:uri="http://schemas.microsoft.com/office/2006/metadata/properties"/>
    <ds:schemaRef ds:uri="http://schemas.microsoft.com/office/infopath/2007/PartnerControls"/>
    <ds:schemaRef ds:uri="c5dc3159-953d-49f6-b077-97f2bfb9691c"/>
    <ds:schemaRef ds:uri="a0d0213e-23ba-4fee-90fb-cd0e26eb86db"/>
  </ds:schemaRefs>
</ds:datastoreItem>
</file>

<file path=customXml/itemProps3.xml><?xml version="1.0" encoding="utf-8"?>
<ds:datastoreItem xmlns:ds="http://schemas.openxmlformats.org/officeDocument/2006/customXml" ds:itemID="{96057EAA-3A0B-43FD-B847-1095C8007B3E}">
  <ds:schemaRefs/>
</ds:datastoreItem>
</file>

<file path=customXml/itemProps4.xml><?xml version="1.0" encoding="utf-8"?>
<ds:datastoreItem xmlns:ds="http://schemas.openxmlformats.org/officeDocument/2006/customXml" ds:itemID="{6D14C1D5-1063-48EA-B47C-ACAE69B7FE7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37F25FB-6BBB-471C-9D34-0BA505EEA1A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tyrke i AKSO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ngevik, Torstein</dc:creator>
  <cp:keywords/>
  <dc:description/>
  <cp:lastModifiedBy>Engevik, Torstein</cp:lastModifiedBy>
  <cp:revision/>
  <cp:lastPrinted>2026-02-12T13:01:12Z</cp:lastPrinted>
  <dcterms:created xsi:type="dcterms:W3CDTF">2025-04-28T06:09:31Z</dcterms:created>
  <dcterms:modified xsi:type="dcterms:W3CDTF">2026-03-18T20:42:0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08B67F6DE921740A422D5B0DBBC0168</vt:lpwstr>
  </property>
  <property fmtid="{D5CDD505-2E9C-101B-9397-08002B2CF9AE}" pid="3" name="MediaServiceImageTags">
    <vt:lpwstr/>
  </property>
  <property fmtid="{D5CDD505-2E9C-101B-9397-08002B2CF9AE}" pid="4" name="TemplafyTenantId">
    <vt:lpwstr>akersolutions</vt:lpwstr>
  </property>
  <property fmtid="{D5CDD505-2E9C-101B-9397-08002B2CF9AE}" pid="5" name="TemplafyTemplateId">
    <vt:lpwstr>911722206830526883</vt:lpwstr>
  </property>
  <property fmtid="{D5CDD505-2E9C-101B-9397-08002B2CF9AE}" pid="6" name="TemplafyUserProfileId">
    <vt:lpwstr>830175457720402317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</Properties>
</file>